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4_大田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9" uniqueCount="751">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福田医院</t>
    <phoneticPr fontId="3"/>
  </si>
  <si>
    <t>〒699-2211 島根県大田市波根町字古川2028</t>
    <phoneticPr fontId="3"/>
  </si>
  <si>
    <t>〇</t>
  </si>
  <si>
    <t>内科</t>
  </si>
  <si>
    <t>有</t>
  </si>
  <si>
    <t>*</t>
  </si>
  <si>
    <t>*</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50601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9</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9</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9</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9</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v>29</v>
      </c>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748</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2</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7</v>
      </c>
      <c r="K171" s="118" t="str">
        <f t="shared" ref="K171:K186" si="2">IF(OR(COUNTIF(L171:O171,"未確認")&gt;0,COUNTIF(L171:O171,"*")&gt;0),"※","")</f>
        <v/>
      </c>
      <c r="L171" s="212">
        <v>3</v>
      </c>
      <c r="M171" s="212">
        <v>0</v>
      </c>
      <c r="N171" s="212">
        <v>3</v>
      </c>
      <c r="O171" s="212">
        <v>1</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v>0</v>
      </c>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11</v>
      </c>
      <c r="K173" s="118" t="str">
        <f t="shared" si="2"/>
        <v/>
      </c>
      <c r="L173" s="212">
        <v>4</v>
      </c>
      <c r="M173" s="212">
        <v>0</v>
      </c>
      <c r="N173" s="212">
        <v>4</v>
      </c>
      <c r="O173" s="212">
        <v>3</v>
      </c>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v>0</v>
      </c>
      <c r="M174" s="213">
        <v>0</v>
      </c>
      <c r="N174" s="213">
        <v>0</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2</v>
      </c>
      <c r="K175" s="118" t="str">
        <f t="shared" si="2"/>
        <v/>
      </c>
      <c r="L175" s="212">
        <v>2</v>
      </c>
      <c r="M175" s="212">
        <v>0</v>
      </c>
      <c r="N175" s="212">
        <v>0</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v>0</v>
      </c>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v>0</v>
      </c>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v>0</v>
      </c>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v>0</v>
      </c>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1</v>
      </c>
      <c r="K181" s="118" t="str">
        <f t="shared" si="2"/>
        <v/>
      </c>
      <c r="L181" s="212">
        <v>0</v>
      </c>
      <c r="M181" s="212">
        <v>0</v>
      </c>
      <c r="N181" s="212">
        <v>0</v>
      </c>
      <c r="O181" s="212">
        <v>1</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v>0</v>
      </c>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v>0</v>
      </c>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v>0</v>
      </c>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v>0</v>
      </c>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v>0</v>
      </c>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1</v>
      </c>
      <c r="K193" s="118" t="str">
        <f>IF(OR(COUNTIF(L193:O193,"未確認")&gt;0,COUNTIF(L193:O193,"*")&gt;0),"※","")</f>
        <v/>
      </c>
      <c r="L193" s="212">
        <v>1</v>
      </c>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v>0</v>
      </c>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746</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746</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746</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746</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175</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4912</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171</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175</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160</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4</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11</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171</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137</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18</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1</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3</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5</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7</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171</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24</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3</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144</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113</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1699</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11</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t="s">
        <v>749</v>
      </c>
      <c r="K342" s="118" t="str">
        <f t="shared" si="4"/>
        <v>※</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t="s">
        <v>749</v>
      </c>
      <c r="K343" s="118" t="str">
        <f t="shared" si="4"/>
        <v>※</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t="s">
        <v>749</v>
      </c>
      <c r="K344" s="118" t="str">
        <f t="shared" si="4"/>
        <v>※</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t="s">
        <v>749</v>
      </c>
      <c r="K345" s="118" t="str">
        <f t="shared" si="4"/>
        <v>※</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t="s">
        <v>750</v>
      </c>
      <c r="K402" s="118" t="str">
        <f t="shared" si="6"/>
        <v>※</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212</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t="s">
        <v>749</v>
      </c>
      <c r="K473" s="118" t="str">
        <f t="shared" si="9"/>
        <v>※</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113</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t="s">
        <v>750</v>
      </c>
      <c r="K510" s="118" t="str">
        <f t="shared" si="11"/>
        <v>※</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3:47Z</dcterms:modified>
</cp:coreProperties>
</file>